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  <p:sldId id="260" r:id="rId4"/>
    <p:sldId id="259" r:id="rId5"/>
    <p:sldId id="261" r:id="rId6"/>
    <p:sldId id="262" r:id="rId7"/>
    <p:sldId id="263" r:id="rId8"/>
    <p:sldId id="264" r:id="rId9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E07D123-1BD2-44AC-BB1E-0D8AFBA5B199}" v="154" dt="2023-03-06T08:43:28.09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64" d="100"/>
          <a:sy n="64" d="100"/>
        </p:scale>
        <p:origin x="748" y="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colas Indriets" userId="e725c3cd5a99117f" providerId="LiveId" clId="{8E07D123-1BD2-44AC-BB1E-0D8AFBA5B199}"/>
    <pc:docChg chg="custSel addSld delSld modSld">
      <pc:chgData name="Nicolas Indriets" userId="e725c3cd5a99117f" providerId="LiveId" clId="{8E07D123-1BD2-44AC-BB1E-0D8AFBA5B199}" dt="2023-03-06T11:32:26.206" v="704" actId="2696"/>
      <pc:docMkLst>
        <pc:docMk/>
      </pc:docMkLst>
      <pc:sldChg chg="modSp mod">
        <pc:chgData name="Nicolas Indriets" userId="e725c3cd5a99117f" providerId="LiveId" clId="{8E07D123-1BD2-44AC-BB1E-0D8AFBA5B199}" dt="2023-03-05T22:18:25.396" v="1" actId="20577"/>
        <pc:sldMkLst>
          <pc:docMk/>
          <pc:sldMk cId="2000691788" sldId="260"/>
        </pc:sldMkLst>
        <pc:spChg chg="mod">
          <ac:chgData name="Nicolas Indriets" userId="e725c3cd5a99117f" providerId="LiveId" clId="{8E07D123-1BD2-44AC-BB1E-0D8AFBA5B199}" dt="2023-03-05T22:18:25.396" v="1" actId="20577"/>
          <ac:spMkLst>
            <pc:docMk/>
            <pc:sldMk cId="2000691788" sldId="260"/>
            <ac:spMk id="6" creationId="{8D788BE8-3190-9FCD-4282-42868DE172B3}"/>
          </ac:spMkLst>
        </pc:spChg>
      </pc:sldChg>
      <pc:sldChg chg="modSp mod">
        <pc:chgData name="Nicolas Indriets" userId="e725c3cd5a99117f" providerId="LiveId" clId="{8E07D123-1BD2-44AC-BB1E-0D8AFBA5B199}" dt="2023-03-06T08:31:00.894" v="253" actId="20577"/>
        <pc:sldMkLst>
          <pc:docMk/>
          <pc:sldMk cId="533624051" sldId="263"/>
        </pc:sldMkLst>
        <pc:spChg chg="mod">
          <ac:chgData name="Nicolas Indriets" userId="e725c3cd5a99117f" providerId="LiveId" clId="{8E07D123-1BD2-44AC-BB1E-0D8AFBA5B199}" dt="2023-03-06T08:31:00.894" v="253" actId="20577"/>
          <ac:spMkLst>
            <pc:docMk/>
            <pc:sldMk cId="533624051" sldId="263"/>
            <ac:spMk id="3" creationId="{D720D6D6-447B-2562-0D35-0DD6ED8EF0CD}"/>
          </ac:spMkLst>
        </pc:spChg>
      </pc:sldChg>
      <pc:sldChg chg="addSp delSp modSp new mod">
        <pc:chgData name="Nicolas Indriets" userId="e725c3cd5a99117f" providerId="LiveId" clId="{8E07D123-1BD2-44AC-BB1E-0D8AFBA5B199}" dt="2023-03-06T10:29:26.132" v="703" actId="1076"/>
        <pc:sldMkLst>
          <pc:docMk/>
          <pc:sldMk cId="1464514800" sldId="264"/>
        </pc:sldMkLst>
        <pc:spChg chg="mod">
          <ac:chgData name="Nicolas Indriets" userId="e725c3cd5a99117f" providerId="LiveId" clId="{8E07D123-1BD2-44AC-BB1E-0D8AFBA5B199}" dt="2023-03-06T08:44:52.325" v="426" actId="20577"/>
          <ac:spMkLst>
            <pc:docMk/>
            <pc:sldMk cId="1464514800" sldId="264"/>
            <ac:spMk id="2" creationId="{9E293EC5-9594-D90D-CBEA-8A019E753C53}"/>
          </ac:spMkLst>
        </pc:spChg>
        <pc:spChg chg="del">
          <ac:chgData name="Nicolas Indriets" userId="e725c3cd5a99117f" providerId="LiveId" clId="{8E07D123-1BD2-44AC-BB1E-0D8AFBA5B199}" dt="2023-03-06T08:40:07.627" v="255" actId="478"/>
          <ac:spMkLst>
            <pc:docMk/>
            <pc:sldMk cId="1464514800" sldId="264"/>
            <ac:spMk id="3" creationId="{67D4CBA9-C8FC-A567-D6AC-42F483DBFB1F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" creationId="{4F13CCF1-DEE3-79BF-8A7C-918C11A79443}"/>
          </ac:spMkLst>
        </pc:spChg>
        <pc:spChg chg="add mod">
          <ac:chgData name="Nicolas Indriets" userId="e725c3cd5a99117f" providerId="LiveId" clId="{8E07D123-1BD2-44AC-BB1E-0D8AFBA5B199}" dt="2023-03-06T08:42:26.581" v="259" actId="14100"/>
          <ac:spMkLst>
            <pc:docMk/>
            <pc:sldMk cId="1464514800" sldId="264"/>
            <ac:spMk id="8" creationId="{A16CF4C4-7BE0-0A39-678D-B70C1E063B34}"/>
          </ac:spMkLst>
        </pc:spChg>
        <pc:spChg chg="add mod">
          <ac:chgData name="Nicolas Indriets" userId="e725c3cd5a99117f" providerId="LiveId" clId="{8E07D123-1BD2-44AC-BB1E-0D8AFBA5B199}" dt="2023-03-06T08:42:56.487" v="263" actId="14100"/>
          <ac:spMkLst>
            <pc:docMk/>
            <pc:sldMk cId="1464514800" sldId="264"/>
            <ac:spMk id="9" creationId="{241846F1-A2F8-F482-43EE-2342612E0750}"/>
          </ac:spMkLst>
        </pc:spChg>
        <pc:spChg chg="add mod">
          <ac:chgData name="Nicolas Indriets" userId="e725c3cd5a99117f" providerId="LiveId" clId="{8E07D123-1BD2-44AC-BB1E-0D8AFBA5B199}" dt="2023-03-06T08:42:43.190" v="261" actId="1076"/>
          <ac:spMkLst>
            <pc:docMk/>
            <pc:sldMk cId="1464514800" sldId="264"/>
            <ac:spMk id="10" creationId="{E61FE14A-75BB-AC80-4DFC-D07FDBE437EE}"/>
          </ac:spMkLst>
        </pc:spChg>
        <pc:spChg chg="add mod">
          <ac:chgData name="Nicolas Indriets" userId="e725c3cd5a99117f" providerId="LiveId" clId="{8E07D123-1BD2-44AC-BB1E-0D8AFBA5B199}" dt="2023-03-06T08:42:36.188" v="260" actId="1076"/>
          <ac:spMkLst>
            <pc:docMk/>
            <pc:sldMk cId="1464514800" sldId="264"/>
            <ac:spMk id="11" creationId="{48624C35-5A7A-7810-B4D7-843FF9E2C8A7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12" creationId="{93119BA2-3CBC-0010-3859-949C6ABA238A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13" creationId="{88F00019-FC68-8150-47EC-4A3054B167EA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14" creationId="{8FA14FC7-B77C-4234-0BF5-45F133B2889B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15" creationId="{E6805D1F-848D-B03C-B4AF-CE9AECA1E708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16" creationId="{B7EF724F-6059-ED3C-3C8D-BD1D43AC50EC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17" creationId="{62BCA364-D2D4-A978-C69E-2239F6D5B659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18" creationId="{0359059F-BB50-3846-126F-75D2B89D5B54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19" creationId="{578A04A5-EED9-2751-AA22-C6E0BF9CAEE8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20" creationId="{FCA44878-CACB-D4D2-329C-C362C47CBB16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27" creationId="{C0FD1A24-2B6C-F55D-0526-97908FEB2034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28" creationId="{7BA28CF1-8129-99AB-365B-6B20E135E45C}"/>
          </ac:spMkLst>
        </pc:spChg>
        <pc:spChg chg="add mod">
          <ac:chgData name="Nicolas Indriets" userId="e725c3cd5a99117f" providerId="LiveId" clId="{8E07D123-1BD2-44AC-BB1E-0D8AFBA5B199}" dt="2023-03-06T10:29:26.132" v="703" actId="1076"/>
          <ac:spMkLst>
            <pc:docMk/>
            <pc:sldMk cId="1464514800" sldId="264"/>
            <ac:spMk id="29" creationId="{5B670896-A0C2-18FD-2367-DF0392AF56C1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0" creationId="{483979F8-6296-F8AF-B92F-05507B22EF2B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1" creationId="{468A0778-00FD-CFD2-FB85-2DE3E66BD87E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2" creationId="{410BEB19-F4B4-8FCA-4201-67FFA428D118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3" creationId="{3C8AA704-A1C1-0AE2-D81A-078977E5879A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4" creationId="{F183BC38-5FFD-7F25-A5C0-32DD4DFC71B9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5" creationId="{494DEA6A-2D9E-0832-3705-4C7DEF6A2774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6" creationId="{8A3EADBC-EB85-F6DC-43A6-7D74AF388D9E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7" creationId="{DA2A99B9-D74E-2F39-C381-D83E3FEE64D4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8" creationId="{E0D91A44-EE8B-0F23-800D-5B25E936BE01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39" creationId="{0289C104-1DD2-7690-9730-748AC0A512FF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0" creationId="{4E1D62C5-FB57-809B-DF7F-7C567B7BFC53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1" creationId="{0BB8B62F-593D-9581-3BF0-1165E30C424F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2" creationId="{9D80FDD6-A79B-CBC7-582A-8ED215B7E7F0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3" creationId="{0174F593-501B-70FC-2B69-E808F84DADA8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4" creationId="{8E64F369-94F7-972F-544D-DFD2321B5264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5" creationId="{5DBFF95A-E284-52DE-7E22-C1C113825822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6" creationId="{8BF759D7-0158-7316-315A-ABB86F04D3CC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7" creationId="{43EE6D99-93B4-5E92-DFC5-715158611B93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8" creationId="{27D9B859-FDBA-BB18-9B3C-B3F10ACE7730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49" creationId="{2CCF2A44-8EEA-C313-EDAF-B2EB896BAA4E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50" creationId="{C97FB26A-61EB-EB2E-1BD0-C929864BC129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51" creationId="{3F766F53-BD3B-40C0-6327-434510BED5A4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52" creationId="{3778D139-9BC2-328D-474F-B4A91A6C884D}"/>
          </ac:spMkLst>
        </pc:spChg>
        <pc:spChg chg="add mod">
          <ac:chgData name="Nicolas Indriets" userId="e725c3cd5a99117f" providerId="LiveId" clId="{8E07D123-1BD2-44AC-BB1E-0D8AFBA5B199}" dt="2023-03-06T08:40:27.078" v="257" actId="1076"/>
          <ac:spMkLst>
            <pc:docMk/>
            <pc:sldMk cId="1464514800" sldId="264"/>
            <ac:spMk id="53" creationId="{EA2DB8E4-5292-0ABC-FEA5-3FF96F678188}"/>
          </ac:spMkLst>
        </pc:spChg>
        <pc:spChg chg="add mod">
          <ac:chgData name="Nicolas Indriets" userId="e725c3cd5a99117f" providerId="LiveId" clId="{8E07D123-1BD2-44AC-BB1E-0D8AFBA5B199}" dt="2023-03-06T08:40:33.334" v="258"/>
          <ac:spMkLst>
            <pc:docMk/>
            <pc:sldMk cId="1464514800" sldId="264"/>
            <ac:spMk id="54" creationId="{5D1EA159-1FA2-016B-81A0-78B1E4DCBD88}"/>
          </ac:spMkLst>
        </pc:spChg>
        <pc:spChg chg="add mod">
          <ac:chgData name="Nicolas Indriets" userId="e725c3cd5a99117f" providerId="LiveId" clId="{8E07D123-1BD2-44AC-BB1E-0D8AFBA5B199}" dt="2023-03-06T09:55:07.983" v="702" actId="1076"/>
          <ac:spMkLst>
            <pc:docMk/>
            <pc:sldMk cId="1464514800" sldId="264"/>
            <ac:spMk id="55" creationId="{371FB643-DDB6-9131-0FD0-58ED15312AA7}"/>
          </ac:spMkLst>
        </pc:spChg>
        <pc:cxnChg chg="add mod">
          <ac:chgData name="Nicolas Indriets" userId="e725c3cd5a99117f" providerId="LiveId" clId="{8E07D123-1BD2-44AC-BB1E-0D8AFBA5B199}" dt="2023-03-06T08:40:27.078" v="257" actId="1076"/>
          <ac:cxnSpMkLst>
            <pc:docMk/>
            <pc:sldMk cId="1464514800" sldId="264"/>
            <ac:cxnSpMk id="5" creationId="{A3E1B804-91F8-D753-65EA-5C6FA6AEC6AB}"/>
          </ac:cxnSpMkLst>
        </pc:cxnChg>
        <pc:cxnChg chg="add mod">
          <ac:chgData name="Nicolas Indriets" userId="e725c3cd5a99117f" providerId="LiveId" clId="{8E07D123-1BD2-44AC-BB1E-0D8AFBA5B199}" dt="2023-03-06T08:40:27.078" v="257" actId="1076"/>
          <ac:cxnSpMkLst>
            <pc:docMk/>
            <pc:sldMk cId="1464514800" sldId="264"/>
            <ac:cxnSpMk id="6" creationId="{4BFA76B2-7CE2-1519-CA02-5D8D3D22C033}"/>
          </ac:cxnSpMkLst>
        </pc:cxnChg>
        <pc:cxnChg chg="add mod">
          <ac:chgData name="Nicolas Indriets" userId="e725c3cd5a99117f" providerId="LiveId" clId="{8E07D123-1BD2-44AC-BB1E-0D8AFBA5B199}" dt="2023-03-06T08:40:27.078" v="257" actId="1076"/>
          <ac:cxnSpMkLst>
            <pc:docMk/>
            <pc:sldMk cId="1464514800" sldId="264"/>
            <ac:cxnSpMk id="7" creationId="{8F523A59-852C-3ED3-F47C-B364EA67C59C}"/>
          </ac:cxnSpMkLst>
        </pc:cxnChg>
        <pc:cxnChg chg="add mod">
          <ac:chgData name="Nicolas Indriets" userId="e725c3cd5a99117f" providerId="LiveId" clId="{8E07D123-1BD2-44AC-BB1E-0D8AFBA5B199}" dt="2023-03-06T08:40:27.078" v="257" actId="1076"/>
          <ac:cxnSpMkLst>
            <pc:docMk/>
            <pc:sldMk cId="1464514800" sldId="264"/>
            <ac:cxnSpMk id="21" creationId="{69EBE0FF-2DD6-5B95-E992-D72946A1892E}"/>
          </ac:cxnSpMkLst>
        </pc:cxnChg>
        <pc:cxnChg chg="add mod">
          <ac:chgData name="Nicolas Indriets" userId="e725c3cd5a99117f" providerId="LiveId" clId="{8E07D123-1BD2-44AC-BB1E-0D8AFBA5B199}" dt="2023-03-06T08:40:27.078" v="257" actId="1076"/>
          <ac:cxnSpMkLst>
            <pc:docMk/>
            <pc:sldMk cId="1464514800" sldId="264"/>
            <ac:cxnSpMk id="22" creationId="{2A32867B-7EB8-304B-ABE6-F8C635B8D9A8}"/>
          </ac:cxnSpMkLst>
        </pc:cxnChg>
        <pc:cxnChg chg="add mod">
          <ac:chgData name="Nicolas Indriets" userId="e725c3cd5a99117f" providerId="LiveId" clId="{8E07D123-1BD2-44AC-BB1E-0D8AFBA5B199}" dt="2023-03-06T08:40:27.078" v="257" actId="1076"/>
          <ac:cxnSpMkLst>
            <pc:docMk/>
            <pc:sldMk cId="1464514800" sldId="264"/>
            <ac:cxnSpMk id="23" creationId="{147A8C4D-A62D-0A7C-7C8E-6EB74E7C23ED}"/>
          </ac:cxnSpMkLst>
        </pc:cxnChg>
        <pc:cxnChg chg="add mod">
          <ac:chgData name="Nicolas Indriets" userId="e725c3cd5a99117f" providerId="LiveId" clId="{8E07D123-1BD2-44AC-BB1E-0D8AFBA5B199}" dt="2023-03-06T08:40:27.078" v="257" actId="1076"/>
          <ac:cxnSpMkLst>
            <pc:docMk/>
            <pc:sldMk cId="1464514800" sldId="264"/>
            <ac:cxnSpMk id="24" creationId="{25B99D6D-8EA8-D773-D0A1-D7D0C469753A}"/>
          </ac:cxnSpMkLst>
        </pc:cxnChg>
        <pc:cxnChg chg="add mod">
          <ac:chgData name="Nicolas Indriets" userId="e725c3cd5a99117f" providerId="LiveId" clId="{8E07D123-1BD2-44AC-BB1E-0D8AFBA5B199}" dt="2023-03-06T08:40:27.078" v="257" actId="1076"/>
          <ac:cxnSpMkLst>
            <pc:docMk/>
            <pc:sldMk cId="1464514800" sldId="264"/>
            <ac:cxnSpMk id="25" creationId="{8382370F-85D4-DFBF-B1D3-E7CDF79AF943}"/>
          </ac:cxnSpMkLst>
        </pc:cxnChg>
        <pc:cxnChg chg="add mod">
          <ac:chgData name="Nicolas Indriets" userId="e725c3cd5a99117f" providerId="LiveId" clId="{8E07D123-1BD2-44AC-BB1E-0D8AFBA5B199}" dt="2023-03-06T08:40:27.078" v="257" actId="1076"/>
          <ac:cxnSpMkLst>
            <pc:docMk/>
            <pc:sldMk cId="1464514800" sldId="264"/>
            <ac:cxnSpMk id="26" creationId="{CF44BF2B-71A7-C2FB-7469-1887BB7309BE}"/>
          </ac:cxnSpMkLst>
        </pc:cxnChg>
      </pc:sldChg>
      <pc:sldChg chg="modSp new del mod">
        <pc:chgData name="Nicolas Indriets" userId="e725c3cd5a99117f" providerId="LiveId" clId="{8E07D123-1BD2-44AC-BB1E-0D8AFBA5B199}" dt="2023-03-06T11:32:26.206" v="704" actId="2696"/>
        <pc:sldMkLst>
          <pc:docMk/>
          <pc:sldMk cId="1487428605" sldId="265"/>
        </pc:sldMkLst>
        <pc:spChg chg="mod">
          <ac:chgData name="Nicolas Indriets" userId="e725c3cd5a99117f" providerId="LiveId" clId="{8E07D123-1BD2-44AC-BB1E-0D8AFBA5B199}" dt="2023-03-06T08:50:32.282" v="432" actId="20577"/>
          <ac:spMkLst>
            <pc:docMk/>
            <pc:sldMk cId="1487428605" sldId="265"/>
            <ac:spMk id="2" creationId="{7AFDA409-D296-7C71-9BFF-B89841C1F5DA}"/>
          </ac:spMkLst>
        </pc:spChg>
        <pc:spChg chg="mod">
          <ac:chgData name="Nicolas Indriets" userId="e725c3cd5a99117f" providerId="LiveId" clId="{8E07D123-1BD2-44AC-BB1E-0D8AFBA5B199}" dt="2023-03-06T09:10:58.721" v="700" actId="20577"/>
          <ac:spMkLst>
            <pc:docMk/>
            <pc:sldMk cId="1487428605" sldId="265"/>
            <ac:spMk id="3" creationId="{73925AB8-B2BA-3B3B-3C80-4253FF132982}"/>
          </ac:spMkLst>
        </pc:sp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AE8448B-F0AB-79DD-B60D-27E2CB2F9A4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DC01A5C9-1F11-548B-5E5A-AA300FBB983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1C2AF8E-D57A-C304-60AA-ED65E8C8EF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891AB21-808C-E58F-2C14-A213023F18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D480E971-E0CE-A8CA-1AF5-41D223B039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6612669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99B4AC2-206B-C6C4-7BF1-9C9FC897D6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E37ABB93-6B8A-30FF-16A7-77DD29E1A1C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4611759-A725-280A-270D-387B3700E0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FA8A76A-0041-5DA3-8697-DC6ABA7FFB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F1DBD732-5A13-D131-E605-A574482B7B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93448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1A1F5596-D0A5-2B29-E736-94F59E52DDC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E289249B-5E67-5940-72BB-6B713F87A12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67C9085-DEDF-B16D-6863-2A4A67A039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4E86C3E-84C8-347F-8B54-70E34974E9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3BF737AA-5C21-E897-2AAA-8A5EFC67A9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19429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B7D566F-CDB4-B4D4-2CC7-2ABD377AFB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0BEFBBCA-80BF-40E2-A856-45676EB3BE1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893AED-942B-E694-E962-8C893825B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F079335-A041-94D3-2E98-B41B4A320B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9B9C7D1-8B0E-ECD2-B485-0984A5D6FF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7098775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4BF9B76-1034-E6C7-57AB-37E6C633D0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5C434B9E-16CF-E939-81DF-B75C5E77707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481286A-42A8-1D2C-2B8A-B5E61FE5EE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3F0A252-8D3D-DEE5-D41F-DC25A15AEC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E4618CD-952D-855F-5B85-222EA835C6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5096293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25C7532-3277-1C2C-FEF6-FA5C29E11F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9EF63C89-E57B-AD80-E8A9-E20E4C33E5C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B200284D-5EE7-E524-A0FD-C5CCAF83CA6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C46F48AE-5A17-D6FC-5BB3-441F463C77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C2E089CC-60AA-7664-1125-B2937B471A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45965233-EDF3-FF16-AC0E-FB14C2413F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084306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51D62AA-AAA8-A48F-C57E-C38136F3E3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0CF44559-88E4-03E8-E0B9-FA494CBF8B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5327FF39-76E7-5E27-3DA8-7069AFE38F0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831B8280-E4AE-1C72-3EB3-FA7FCBFE0E3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A83C3AE3-E8B4-744C-00C5-DF8757AD240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A553F9E8-D553-26F7-B8A2-0D0F180A2A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50ADFE58-E23B-7F22-F048-4964463348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91EF51CD-1C99-01F5-F85B-683900EE38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01484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A5D72DB-2127-7010-7131-D87C167913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59EE49D0-D255-5057-1FC7-A0456A9F4C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CD3DA128-F2F8-5036-D417-DD12509AAC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8EAB7ACC-AED6-B887-6DDA-7420E70C8E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3963622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1F5F9796-E986-68F9-AAF3-48E04D899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34924E43-17B0-A155-9FE0-83E78C56C3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427DCC07-3433-93FC-E81B-365F3F4549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72323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DB715CE-22A5-8AFE-73A1-6B7FDE7C580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EDF06A91-4C28-A463-AD3F-7CCED707073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E6F150C7-09FD-3497-EC6F-B385ECA315C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0A8CD955-20D0-CDB2-8374-FEAA2FF916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496EDAA0-2F43-FA3B-E4A9-3A77C81701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64227A0-7055-255E-723A-C8410A396A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8616392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26234BC-23F2-07E2-8542-4D712B0310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780475CD-0C9B-0FB2-50E6-06347BC6D77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D8631ED7-B9B8-8544-7652-D597DB2E92B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BF02948-0869-6CAE-60D8-41EAF68253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F09D1CB3-6604-7FD5-2F00-AF37822CF7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736519D4-C2E9-9A93-7C9A-25E43659CA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578681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16AEBBE5-107F-0CFD-5E26-695B8E5818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2251D5E1-498D-CC46-538F-5FFA2C6F0B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C3F8F68-3ECF-4A99-712C-24A81ECCB7D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24A86-2C8A-4F54-B129-740D915E6954}" type="datetimeFigureOut">
              <a:rPr lang="en-GB" smtClean="0"/>
              <a:t>05/03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224DBB5-4D7C-105D-CDFB-3A8DF6529CE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F1C17193-F0B0-1A8A-B81A-F8E5B350E1D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52743B-521B-47F4-A3E7-C6DB4CBE2FE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495197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re 1">
            <a:extLst>
              <a:ext uri="{FF2B5EF4-FFF2-40B4-BE49-F238E27FC236}">
                <a16:creationId xmlns:a16="http://schemas.microsoft.com/office/drawing/2014/main" id="{8F9E118F-F52E-A026-13F2-AD307C1377F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30087" y="1053548"/>
            <a:ext cx="11131826" cy="2714832"/>
          </a:xfrm>
        </p:spPr>
        <p:txBody>
          <a:bodyPr>
            <a:noAutofit/>
          </a:bodyPr>
          <a:lstStyle/>
          <a:p>
            <a:r>
              <a:rPr lang="fr-BE" sz="4400" b="0" i="0" dirty="0" err="1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Quantifying</a:t>
            </a:r>
            <a:r>
              <a:rPr lang="fr-BE" sz="4400" b="0" i="0" dirty="0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 anomalies in patients </a:t>
            </a:r>
            <a:r>
              <a:rPr lang="fr-BE" sz="4400" b="0" i="0" dirty="0" err="1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with</a:t>
            </a:r>
            <a:r>
              <a:rPr lang="fr-BE" sz="4400" b="0" i="0" dirty="0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 neuropathologies via diffusion Magnetic </a:t>
            </a:r>
            <a:r>
              <a:rPr lang="fr-BE" sz="4400" b="0" i="0" dirty="0" err="1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Resonance</a:t>
            </a:r>
            <a:r>
              <a:rPr lang="fr-BE" sz="4400" b="0" i="0" dirty="0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 Imaging. (Application to Alzheimer </a:t>
            </a:r>
            <a:r>
              <a:rPr lang="fr-BE" sz="4400" b="0" i="0" dirty="0" err="1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diagnosis</a:t>
            </a:r>
            <a:r>
              <a:rPr lang="fr-BE" sz="4400" b="0" i="0" dirty="0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)</a:t>
            </a:r>
            <a:endParaRPr lang="fr-BE" sz="4400" dirty="0"/>
          </a:p>
        </p:txBody>
      </p:sp>
      <p:sp>
        <p:nvSpPr>
          <p:cNvPr id="10" name="Sous-titre 2">
            <a:extLst>
              <a:ext uri="{FF2B5EF4-FFF2-40B4-BE49-F238E27FC236}">
                <a16:creationId xmlns:a16="http://schemas.microsoft.com/office/drawing/2014/main" id="{E4658216-C1B3-8FCF-1D13-A837D797EA7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728624"/>
            <a:ext cx="9144000" cy="2590040"/>
          </a:xfrm>
        </p:spPr>
        <p:txBody>
          <a:bodyPr>
            <a:normAutofit/>
          </a:bodyPr>
          <a:lstStyle/>
          <a:p>
            <a:endParaRPr lang="fr-BE" dirty="0"/>
          </a:p>
          <a:p>
            <a:endParaRPr lang="fr-BE" dirty="0"/>
          </a:p>
          <a:p>
            <a:r>
              <a:rPr lang="fr-BE" dirty="0"/>
              <a:t>Nicolas Indriets </a:t>
            </a:r>
          </a:p>
        </p:txBody>
      </p:sp>
      <p:pic>
        <p:nvPicPr>
          <p:cNvPr id="11" name="Image 10" descr="Une image contenant texte&#10;&#10;Description générée automatiquement">
            <a:extLst>
              <a:ext uri="{FF2B5EF4-FFF2-40B4-BE49-F238E27FC236}">
                <a16:creationId xmlns:a16="http://schemas.microsoft.com/office/drawing/2014/main" id="{3685DC74-97F8-5EEB-70C9-A0B11772E88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0235" y="0"/>
            <a:ext cx="2671765" cy="633413"/>
          </a:xfrm>
          <a:prstGeom prst="rect">
            <a:avLst/>
          </a:prstGeom>
        </p:spPr>
      </p:pic>
      <p:pic>
        <p:nvPicPr>
          <p:cNvPr id="12" name="Image 11">
            <a:extLst>
              <a:ext uri="{FF2B5EF4-FFF2-40B4-BE49-F238E27FC236}">
                <a16:creationId xmlns:a16="http://schemas.microsoft.com/office/drawing/2014/main" id="{05979C52-EC56-1948-9812-5D80ACD922B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82175" cy="665922"/>
          </a:xfrm>
          <a:prstGeom prst="rect">
            <a:avLst/>
          </a:prstGeom>
        </p:spPr>
      </p:pic>
      <p:sp>
        <p:nvSpPr>
          <p:cNvPr id="13" name="Espace réservé du numéro de diapositive 3">
            <a:extLst>
              <a:ext uri="{FF2B5EF4-FFF2-40B4-BE49-F238E27FC236}">
                <a16:creationId xmlns:a16="http://schemas.microsoft.com/office/drawing/2014/main" id="{67424F43-28BA-BE10-CA29-4F1747EAAA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1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347778738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9E1F81C-5187-3CD3-4332-16EA9C91EF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Preprocessing</a:t>
            </a:r>
            <a:r>
              <a:rPr lang="en-GB" dirty="0"/>
              <a:t> and model update</a:t>
            </a:r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67B25CDF-88D2-545C-ADFE-4ECB14FC44F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8200" y="1506325"/>
            <a:ext cx="4232350" cy="2802502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2011A76F-C1AA-E2E3-B67E-E39EBCFD6222}"/>
              </a:ext>
            </a:extLst>
          </p:cNvPr>
          <p:cNvSpPr txBox="1"/>
          <p:nvPr/>
        </p:nvSpPr>
        <p:spPr>
          <a:xfrm>
            <a:off x="905179" y="4308827"/>
            <a:ext cx="416537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Brain mask dilated sub-106 without </a:t>
            </a:r>
            <a:r>
              <a:rPr lang="en-GB" dirty="0" err="1"/>
              <a:t>reslice</a:t>
            </a:r>
            <a:endParaRPr lang="en-GB" dirty="0"/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FE296A99-74C2-EBFD-2419-8EC4A983341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03003" y="1510497"/>
            <a:ext cx="4250797" cy="2802502"/>
          </a:xfrm>
          <a:prstGeom prst="rect">
            <a:avLst/>
          </a:prstGeom>
        </p:spPr>
      </p:pic>
      <p:sp>
        <p:nvSpPr>
          <p:cNvPr id="9" name="ZoneTexte 8">
            <a:extLst>
              <a:ext uri="{FF2B5EF4-FFF2-40B4-BE49-F238E27FC236}">
                <a16:creationId xmlns:a16="http://schemas.microsoft.com/office/drawing/2014/main" id="{0248FED0-F0A9-E92A-E762-B5B947392522}"/>
              </a:ext>
            </a:extLst>
          </p:cNvPr>
          <p:cNvSpPr txBox="1"/>
          <p:nvPr/>
        </p:nvSpPr>
        <p:spPr>
          <a:xfrm>
            <a:off x="7323743" y="4308827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Brain mask dilated sub-106 with </a:t>
            </a:r>
            <a:r>
              <a:rPr lang="en-GB" dirty="0" err="1"/>
              <a:t>reslice</a:t>
            </a:r>
            <a:endParaRPr lang="en-GB" dirty="0"/>
          </a:p>
        </p:txBody>
      </p:sp>
      <p:sp>
        <p:nvSpPr>
          <p:cNvPr id="10" name="Flèche : droite 9">
            <a:extLst>
              <a:ext uri="{FF2B5EF4-FFF2-40B4-BE49-F238E27FC236}">
                <a16:creationId xmlns:a16="http://schemas.microsoft.com/office/drawing/2014/main" id="{3C833072-B8CF-5A0D-D948-1A6052ABE9A3}"/>
              </a:ext>
            </a:extLst>
          </p:cNvPr>
          <p:cNvSpPr/>
          <p:nvPr/>
        </p:nvSpPr>
        <p:spPr>
          <a:xfrm>
            <a:off x="905180" y="4895189"/>
            <a:ext cx="724838" cy="369332"/>
          </a:xfrm>
          <a:prstGeom prst="rightArrow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9F7C7DDD-CB87-70C0-E95A-B0E2D532EDA6}"/>
              </a:ext>
            </a:extLst>
          </p:cNvPr>
          <p:cNvSpPr txBox="1"/>
          <p:nvPr/>
        </p:nvSpPr>
        <p:spPr>
          <a:xfrm>
            <a:off x="1630018" y="4756690"/>
            <a:ext cx="933082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Problem solved, but still have some subjects where eddy does not work (It takes too much time to compute). Use of a variable in the study to take that into account</a:t>
            </a:r>
          </a:p>
        </p:txBody>
      </p:sp>
      <p:sp>
        <p:nvSpPr>
          <p:cNvPr id="12" name="Espace réservé du numéro de diapositive 3">
            <a:extLst>
              <a:ext uri="{FF2B5EF4-FFF2-40B4-BE49-F238E27FC236}">
                <a16:creationId xmlns:a16="http://schemas.microsoft.com/office/drawing/2014/main" id="{8ABFFD9E-F0F8-F43F-57D1-B1B46CD2D9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2</a:t>
            </a:fld>
            <a:endParaRPr lang="fr-FR" sz="2000" dirty="0"/>
          </a:p>
        </p:txBody>
      </p:sp>
      <p:pic>
        <p:nvPicPr>
          <p:cNvPr id="14" name="Image 13">
            <a:extLst>
              <a:ext uri="{FF2B5EF4-FFF2-40B4-BE49-F238E27FC236}">
                <a16:creationId xmlns:a16="http://schemas.microsoft.com/office/drawing/2014/main" id="{5BE2950B-0124-2B23-C47A-56FE0C3B31A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5358566"/>
            <a:ext cx="12192000" cy="14994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6110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1">
            <a:extLst>
              <a:ext uri="{FF2B5EF4-FFF2-40B4-BE49-F238E27FC236}">
                <a16:creationId xmlns:a16="http://schemas.microsoft.com/office/drawing/2014/main" id="{F7225A48-9315-31BD-B0CD-2843E8BC8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/>
          <a:lstStyle/>
          <a:p>
            <a:r>
              <a:rPr lang="en-GB" dirty="0"/>
              <a:t>Atlas mapping</a:t>
            </a:r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17C3B924-E8A2-43FE-9C77-7DEB08E698A6}"/>
              </a:ext>
            </a:extLst>
          </p:cNvPr>
          <p:cNvSpPr txBox="1"/>
          <p:nvPr/>
        </p:nvSpPr>
        <p:spPr>
          <a:xfrm>
            <a:off x="838199" y="1506021"/>
            <a:ext cx="5257801" cy="40626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400" dirty="0"/>
              <a:t>Area to analyse to answer my research questions : </a:t>
            </a:r>
          </a:p>
          <a:p>
            <a:pPr marL="285750" indent="-285750">
              <a:buFontTx/>
              <a:buChar char="-"/>
            </a:pPr>
            <a:r>
              <a:rPr lang="en-GB" sz="2400" dirty="0" err="1"/>
              <a:t>Parahippocampal</a:t>
            </a:r>
            <a:r>
              <a:rPr lang="en-GB" sz="2400" dirty="0"/>
              <a:t> cortex</a:t>
            </a:r>
          </a:p>
          <a:p>
            <a:pPr marL="285750" indent="-285750">
              <a:buFontTx/>
              <a:buChar char="-"/>
            </a:pPr>
            <a:r>
              <a:rPr lang="en-GB" sz="2400" dirty="0" err="1"/>
              <a:t>Enthorinal</a:t>
            </a:r>
            <a:r>
              <a:rPr lang="en-GB" sz="2400" dirty="0"/>
              <a:t> cortex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Posterior cingulate cortex 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Isthmus cingulate cortex 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Amygdala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Hippocampus </a:t>
            </a:r>
          </a:p>
          <a:p>
            <a:r>
              <a:rPr lang="en-GB" sz="2400" dirty="0"/>
              <a:t>Baseline : 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Uncinate fasciculus </a:t>
            </a:r>
          </a:p>
          <a:p>
            <a:pPr marL="285750" indent="-285750">
              <a:buFontTx/>
              <a:buChar char="-"/>
            </a:pPr>
            <a:endParaRPr lang="en-GB" dirty="0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8D788BE8-3190-9FCD-4282-42868DE172B3}"/>
              </a:ext>
            </a:extLst>
          </p:cNvPr>
          <p:cNvSpPr txBox="1"/>
          <p:nvPr/>
        </p:nvSpPr>
        <p:spPr>
          <a:xfrm>
            <a:off x="6126480" y="1506022"/>
            <a:ext cx="5257801" cy="48936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400" dirty="0"/>
              <a:t>First Method : 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Register the </a:t>
            </a:r>
            <a:r>
              <a:rPr lang="en-GB" sz="2400" dirty="0" err="1"/>
              <a:t>Desikan-Killiany</a:t>
            </a:r>
            <a:r>
              <a:rPr lang="en-GB" sz="2400" dirty="0"/>
              <a:t> atlas on a T1 image in MNI152 space  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Create the atlas with the labels file 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Register patients with the T1 image and the first volume of white matter ODF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Apply the transform on the atlases. </a:t>
            </a:r>
          </a:p>
          <a:p>
            <a:r>
              <a:rPr lang="en-GB" sz="2400" dirty="0"/>
              <a:t>Second method : 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Register patients with a FA map of HCP1065 for XTRACT atlas and FA map obtained with DTI </a:t>
            </a:r>
          </a:p>
          <a:p>
            <a:pPr marL="285750" indent="-285750">
              <a:buFontTx/>
              <a:buChar char="-"/>
            </a:pPr>
            <a:r>
              <a:rPr lang="en-GB" sz="2400" dirty="0"/>
              <a:t>Apply the transform on the atlases</a:t>
            </a:r>
          </a:p>
        </p:txBody>
      </p:sp>
      <p:sp>
        <p:nvSpPr>
          <p:cNvPr id="7" name="Espace réservé du numéro de diapositive 3">
            <a:extLst>
              <a:ext uri="{FF2B5EF4-FFF2-40B4-BE49-F238E27FC236}">
                <a16:creationId xmlns:a16="http://schemas.microsoft.com/office/drawing/2014/main" id="{15FE5D0F-FF27-4265-5242-2A5097A851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3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0069178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E5870DC-4841-C25E-6B52-6A9D96762A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tlas mapping</a:t>
            </a:r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0EC95FB4-89E8-9FFD-68A3-E918DDF50EF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8200" y="1756727"/>
            <a:ext cx="5110594" cy="4068787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6F3D2F14-3077-F146-25FF-103952DB0A1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22934" y="1756727"/>
            <a:ext cx="4630866" cy="4068787"/>
          </a:xfrm>
          <a:prstGeom prst="rect">
            <a:avLst/>
          </a:prstGeom>
        </p:spPr>
      </p:pic>
      <p:sp>
        <p:nvSpPr>
          <p:cNvPr id="8" name="ZoneTexte 7">
            <a:extLst>
              <a:ext uri="{FF2B5EF4-FFF2-40B4-BE49-F238E27FC236}">
                <a16:creationId xmlns:a16="http://schemas.microsoft.com/office/drawing/2014/main" id="{B948D9DF-2ABA-8C26-AC67-AE8DD2B61292}"/>
              </a:ext>
            </a:extLst>
          </p:cNvPr>
          <p:cNvSpPr txBox="1"/>
          <p:nvPr/>
        </p:nvSpPr>
        <p:spPr>
          <a:xfrm>
            <a:off x="2311950" y="5825514"/>
            <a:ext cx="21630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Desikan-Killiany</a:t>
            </a:r>
            <a:r>
              <a:rPr lang="en-GB" dirty="0"/>
              <a:t> Atlas</a:t>
            </a:r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DA528B99-B9E4-0736-E7BA-921543068928}"/>
              </a:ext>
            </a:extLst>
          </p:cNvPr>
          <p:cNvSpPr txBox="1"/>
          <p:nvPr/>
        </p:nvSpPr>
        <p:spPr>
          <a:xfrm>
            <a:off x="6999794" y="5825514"/>
            <a:ext cx="40771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Registered and mapped atlas on sub-009  </a:t>
            </a:r>
          </a:p>
        </p:txBody>
      </p:sp>
      <p:sp>
        <p:nvSpPr>
          <p:cNvPr id="10" name="Espace réservé du numéro de diapositive 3">
            <a:extLst>
              <a:ext uri="{FF2B5EF4-FFF2-40B4-BE49-F238E27FC236}">
                <a16:creationId xmlns:a16="http://schemas.microsoft.com/office/drawing/2014/main" id="{A53AD361-439C-AC15-6D0D-C9517239EB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4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44973689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>
            <a:extLst>
              <a:ext uri="{FF2B5EF4-FFF2-40B4-BE49-F238E27FC236}">
                <a16:creationId xmlns:a16="http://schemas.microsoft.com/office/drawing/2014/main" id="{F333E25E-FD69-7C8A-BEC8-F909D423ADA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8200" y="1690688"/>
            <a:ext cx="4123190" cy="3970777"/>
          </a:xfrm>
          <a:prstGeom prst="rect">
            <a:avLst/>
          </a:prstGeom>
        </p:spPr>
      </p:pic>
      <p:pic>
        <p:nvPicPr>
          <p:cNvPr id="9" name="Image 8">
            <a:extLst>
              <a:ext uri="{FF2B5EF4-FFF2-40B4-BE49-F238E27FC236}">
                <a16:creationId xmlns:a16="http://schemas.microsoft.com/office/drawing/2014/main" id="{C6A1FF82-4ACB-B7D7-68D7-07FE6016864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35141" y="1690626"/>
            <a:ext cx="4318659" cy="3970902"/>
          </a:xfrm>
          <a:prstGeom prst="rect">
            <a:avLst/>
          </a:prstGeom>
        </p:spPr>
      </p:pic>
      <p:sp>
        <p:nvSpPr>
          <p:cNvPr id="10" name="Titre 1">
            <a:extLst>
              <a:ext uri="{FF2B5EF4-FFF2-40B4-BE49-F238E27FC236}">
                <a16:creationId xmlns:a16="http://schemas.microsoft.com/office/drawing/2014/main" id="{50622691-B634-33AA-CFCB-024D5E2F3A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/>
          <a:lstStyle/>
          <a:p>
            <a:r>
              <a:rPr lang="en-GB" dirty="0"/>
              <a:t>Atlas mapping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1A583E24-8652-AFA7-F825-DA68DEA0C647}"/>
              </a:ext>
            </a:extLst>
          </p:cNvPr>
          <p:cNvSpPr txBox="1"/>
          <p:nvPr/>
        </p:nvSpPr>
        <p:spPr>
          <a:xfrm>
            <a:off x="1115300" y="5661465"/>
            <a:ext cx="35689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XTRACT HCP Probabilistic Tract Atlas</a:t>
            </a:r>
            <a:endParaRPr lang="en-GB" dirty="0"/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7A62D0B3-88C7-E2F6-3E79-BE8D667D7552}"/>
              </a:ext>
            </a:extLst>
          </p:cNvPr>
          <p:cNvSpPr txBox="1"/>
          <p:nvPr/>
        </p:nvSpPr>
        <p:spPr>
          <a:xfrm>
            <a:off x="7155897" y="5661465"/>
            <a:ext cx="40771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Registered and mapped atlas on sub-009  </a:t>
            </a:r>
          </a:p>
        </p:txBody>
      </p:sp>
      <p:sp>
        <p:nvSpPr>
          <p:cNvPr id="13" name="Espace réservé du numéro de diapositive 3">
            <a:extLst>
              <a:ext uri="{FF2B5EF4-FFF2-40B4-BE49-F238E27FC236}">
                <a16:creationId xmlns:a16="http://schemas.microsoft.com/office/drawing/2014/main" id="{C990115B-AE89-5D3E-B41B-C27DF50C66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5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425183811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5C9E187-E97A-6DC5-F604-B6B734C449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udy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6B5BE129-C940-B57F-5510-D9CCAF5D85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6</a:t>
            </a:fld>
            <a:endParaRPr lang="fr-FR" sz="2000" dirty="0"/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0B639CDA-7B61-10E0-4C7D-DE206164077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483032"/>
            <a:ext cx="12192000" cy="38919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107576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B077FF1-F0BB-D5BD-B1C0-4651CFDC15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udy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Espace réservé du contenu 2">
                <a:extLst>
                  <a:ext uri="{FF2B5EF4-FFF2-40B4-BE49-F238E27FC236}">
                    <a16:creationId xmlns:a16="http://schemas.microsoft.com/office/drawing/2014/main" id="{D720D6D6-447B-2562-0D35-0DD6ED8EF0CD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r>
                  <a:rPr lang="en-GB" dirty="0"/>
                  <a:t>DTI : AD, RD, FA, MD </a:t>
                </a:r>
              </a:p>
              <a:p>
                <a:r>
                  <a:rPr lang="en-GB" dirty="0"/>
                  <a:t>Diamond : </a:t>
                </a:r>
                <a:r>
                  <a:rPr lang="en-GB" dirty="0" err="1"/>
                  <a:t>wAD</a:t>
                </a:r>
                <a:r>
                  <a:rPr lang="en-GB" dirty="0"/>
                  <a:t>, </a:t>
                </a:r>
                <a:r>
                  <a:rPr lang="en-GB" dirty="0" err="1"/>
                  <a:t>wRD</a:t>
                </a:r>
                <a:r>
                  <a:rPr lang="en-GB" dirty="0"/>
                  <a:t>, </a:t>
                </a:r>
                <a:r>
                  <a:rPr lang="en-GB" dirty="0" err="1"/>
                  <a:t>wFA</a:t>
                </a:r>
                <a:r>
                  <a:rPr lang="en-GB" dirty="0"/>
                  <a:t>, </a:t>
                </a:r>
                <a:r>
                  <a:rPr lang="en-GB" dirty="0" err="1"/>
                  <a:t>wMD</a:t>
                </a:r>
                <a:r>
                  <a:rPr lang="en-GB" dirty="0"/>
                  <a:t>, fractions of </a:t>
                </a:r>
                <a:r>
                  <a:rPr lang="en-GB" dirty="0" err="1"/>
                  <a:t>fibers</a:t>
                </a:r>
                <a:r>
                  <a:rPr lang="en-GB" dirty="0"/>
                  <a:t> </a:t>
                </a:r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BE" b="0" i="1" smtClean="0">
                          <a:latin typeface="Cambria Math" panose="02040503050406030204" pitchFamily="18" charset="0"/>
                        </a:rPr>
                        <m:t>𝑤𝐹𝐴</m:t>
                      </m:r>
                      <m:r>
                        <a:rPr lang="fr-BE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fr-BE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𝑟𝑎𝑐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fr-BE" b="0" i="1" smtClean="0">
                              <a:latin typeface="Cambria Math" panose="02040503050406030204" pitchFamily="18" charset="0"/>
                            </a:rPr>
                            <m:t> ∗</m:t>
                          </m:r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𝐹𝐴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fr-BE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𝑟𝑎𝑐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fr-BE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𝐹𝐴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𝑟𝑎𝑐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fr-BE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𝑟𝑎𝑐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en-GB" dirty="0"/>
              </a:p>
              <a:p>
                <a:r>
                  <a:rPr lang="en-GB" dirty="0"/>
                  <a:t>MF : </a:t>
                </a:r>
                <a:r>
                  <a:rPr lang="en-GB" dirty="0" err="1"/>
                  <a:t>wfvf</a:t>
                </a:r>
                <a:r>
                  <a:rPr lang="en-GB" dirty="0"/>
                  <a:t>, </a:t>
                </a:r>
                <a:r>
                  <a:rPr lang="en-GB" dirty="0" err="1"/>
                  <a:t>fvf_tot</a:t>
                </a:r>
                <a:endParaRPr lang="en-GB" dirty="0"/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BE" b="0" i="1" smtClean="0">
                          <a:latin typeface="Cambria Math" panose="02040503050406030204" pitchFamily="18" charset="0"/>
                        </a:rPr>
                        <m:t>𝑤𝑓𝑣𝑓</m:t>
                      </m:r>
                      <m:r>
                        <a:rPr lang="fr-BE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fr-BE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𝑟𝑎𝑐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fr-BE" b="0" i="1" smtClean="0">
                              <a:latin typeface="Cambria Math" panose="02040503050406030204" pitchFamily="18" charset="0"/>
                            </a:rPr>
                            <m:t> ∗</m:t>
                          </m:r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𝑣𝑓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fr-BE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𝑟𝑎𝑐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fr-BE" b="0" i="1" smtClean="0">
                              <a:latin typeface="Cambria Math" panose="02040503050406030204" pitchFamily="18" charset="0"/>
                            </a:rPr>
                            <m:t>∗</m:t>
                          </m:r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𝑣𝑓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𝑟𝑎𝑐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0</m:t>
                              </m:r>
                            </m:sub>
                          </m:sSub>
                          <m:r>
                            <a:rPr lang="fr-BE" b="0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𝑓𝑟𝑎𝑐</m:t>
                              </m:r>
                            </m:e>
                            <m:sub>
                              <m:r>
                                <a:rPr lang="fr-BE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den>
                      </m:f>
                    </m:oMath>
                  </m:oMathPara>
                </a14:m>
                <a:endParaRPr lang="en-GB" dirty="0"/>
              </a:p>
              <a:p>
                <a:r>
                  <a:rPr lang="en-GB" dirty="0" err="1"/>
                  <a:t>Noddi</a:t>
                </a:r>
                <a:r>
                  <a:rPr lang="en-GB" dirty="0"/>
                  <a:t> : </a:t>
                </a:r>
                <a:r>
                  <a:rPr lang="en-GB" dirty="0" err="1"/>
                  <a:t>fiso</a:t>
                </a:r>
                <a:r>
                  <a:rPr lang="en-GB" dirty="0"/>
                  <a:t>, </a:t>
                </a:r>
                <a:r>
                  <a:rPr lang="en-GB" dirty="0" err="1"/>
                  <a:t>fintra</a:t>
                </a:r>
                <a:r>
                  <a:rPr lang="en-GB" dirty="0"/>
                  <a:t>, </a:t>
                </a:r>
                <a:r>
                  <a:rPr lang="en-GB" dirty="0" err="1"/>
                  <a:t>fextra</a:t>
                </a:r>
                <a:r>
                  <a:rPr lang="en-GB" dirty="0"/>
                  <a:t>, ODI</a:t>
                </a:r>
              </a:p>
              <a:p>
                <a:endParaRPr lang="en-GB" dirty="0"/>
              </a:p>
            </p:txBody>
          </p:sp>
        </mc:Choice>
        <mc:Fallback>
          <p:sp>
            <p:nvSpPr>
              <p:cNvPr id="3" name="Espace réservé du contenu 2">
                <a:extLst>
                  <a:ext uri="{FF2B5EF4-FFF2-40B4-BE49-F238E27FC236}">
                    <a16:creationId xmlns:a16="http://schemas.microsoft.com/office/drawing/2014/main" id="{D720D6D6-447B-2562-0D35-0DD6ED8EF0CD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043" t="-224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Espace réservé du numéro de diapositive 3">
            <a:extLst>
              <a:ext uri="{FF2B5EF4-FFF2-40B4-BE49-F238E27FC236}">
                <a16:creationId xmlns:a16="http://schemas.microsoft.com/office/drawing/2014/main" id="{78D3F994-4047-037F-8E63-6032AF8869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7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53362405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E293EC5-9594-D90D-CBEA-8A019E753C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line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4F13CCF1-DEE3-79BF-8A7C-918C11A79443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1305486" y="60021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 spc="-20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5" name="OTLSHAPE_M_a82f9c56057443529454d2870620da54_Connector1">
            <a:extLst>
              <a:ext uri="{FF2B5EF4-FFF2-40B4-BE49-F238E27FC236}">
                <a16:creationId xmlns:a16="http://schemas.microsoft.com/office/drawing/2014/main" id="{A3E1B804-91F8-D753-65EA-5C6FA6AEC6A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6057135" y="5519631"/>
            <a:ext cx="0" cy="448522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9394c5d34ae24214b2eb6516f65d8a0e_Connector1">
            <a:extLst>
              <a:ext uri="{FF2B5EF4-FFF2-40B4-BE49-F238E27FC236}">
                <a16:creationId xmlns:a16="http://schemas.microsoft.com/office/drawing/2014/main" id="{4BFA76B2-7CE2-1519-CA02-5D8D3D22C033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8118256" y="5519631"/>
            <a:ext cx="0" cy="448522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8cc871afcdec4d4584542d71f74288dc_Connector1">
            <a:extLst>
              <a:ext uri="{FF2B5EF4-FFF2-40B4-BE49-F238E27FC236}">
                <a16:creationId xmlns:a16="http://schemas.microsoft.com/office/drawing/2014/main" id="{8F523A59-852C-3ED3-F47C-B364EA67C59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777207" y="5519631"/>
            <a:ext cx="0" cy="448522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TB_00000000000000000000000000000000_ScaleContainer">
            <a:extLst>
              <a:ext uri="{FF2B5EF4-FFF2-40B4-BE49-F238E27FC236}">
                <a16:creationId xmlns:a16="http://schemas.microsoft.com/office/drawing/2014/main" id="{A16CF4C4-7BE0-0A39-678D-B70C1E063B3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20984" y="5968153"/>
            <a:ext cx="10668000" cy="254000"/>
          </a:xfrm>
          <a:prstGeom prst="roundRect">
            <a:avLst>
              <a:gd name="adj" fmla="val 0"/>
            </a:avLst>
          </a:prstGeom>
          <a:gradFill flip="none" rotWithShape="1">
            <a:gsLst>
              <a:gs pos="0">
                <a:srgbClr val="7C7C7C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OTLSHAPE_TB_00000000000000000000000000000000_ElapsedTime">
            <a:extLst>
              <a:ext uri="{FF2B5EF4-FFF2-40B4-BE49-F238E27FC236}">
                <a16:creationId xmlns:a16="http://schemas.microsoft.com/office/drawing/2014/main" id="{241846F1-A2F8-F482-43EE-2342612E075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20983" y="6171352"/>
            <a:ext cx="4587912" cy="45719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OTLSHAPE_TB_00000000000000000000000000000000_TodayMarkerShape">
            <a:extLst>
              <a:ext uri="{FF2B5EF4-FFF2-40B4-BE49-F238E27FC236}">
                <a16:creationId xmlns:a16="http://schemas.microsoft.com/office/drawing/2014/main" id="{E61FE14A-75BB-AC80-4DFC-D07FDBE437E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070796" y="6202171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OTLSHAPE_TB_00000000000000000000000000000000_TodayMarkerText">
            <a:extLst>
              <a:ext uri="{FF2B5EF4-FFF2-40B4-BE49-F238E27FC236}">
                <a16:creationId xmlns:a16="http://schemas.microsoft.com/office/drawing/2014/main" id="{48624C35-5A7A-7810-B4D7-843FF9E2C8A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924746" y="629937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93119BA2-3CBC-0010-3859-949C6ABA238A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84484" y="6002125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3" name="OTLSHAPE_TB_00000000000000000000000000000000_TimescaleInterval2">
            <a:extLst>
              <a:ext uri="{FF2B5EF4-FFF2-40B4-BE49-F238E27FC236}">
                <a16:creationId xmlns:a16="http://schemas.microsoft.com/office/drawing/2014/main" id="{88F00019-FC68-8150-47EC-4A3054B167E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142893" y="6002125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4" name="OTLSHAPE_TB_00000000000000000000000000000000_TimescaleInterval3">
            <a:extLst>
              <a:ext uri="{FF2B5EF4-FFF2-40B4-BE49-F238E27FC236}">
                <a16:creationId xmlns:a16="http://schemas.microsoft.com/office/drawing/2014/main" id="{8FA14FC7-B77C-4234-0BF5-45F133B2889B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701301" y="600212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E6805D1F-848D-B03C-B4AF-CE9AECA1E70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108896" y="600212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B7EF724F-6059-ED3C-3C8D-BD1D43AC50EC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667304" y="6002125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62BCA364-D2D4-A978-C69E-2239F6D5B659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8175441" y="6002125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7">
            <a:extLst>
              <a:ext uri="{FF2B5EF4-FFF2-40B4-BE49-F238E27FC236}">
                <a16:creationId xmlns:a16="http://schemas.microsoft.com/office/drawing/2014/main" id="{0359059F-BB50-3846-126F-75D2B89D5B5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733849" y="6002125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9" name="OTLSHAPE_TB_00000000000000000000000000000000_ScaleMarking1">
            <a:extLst>
              <a:ext uri="{FF2B5EF4-FFF2-40B4-BE49-F238E27FC236}">
                <a16:creationId xmlns:a16="http://schemas.microsoft.com/office/drawing/2014/main" id="{578A04A5-EED9-2751-AA22-C6E0BF9CAEE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84484" y="578209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0" name="OTLSHAPE_TB_00000000000000000000000000000000_ScaleMarking2">
            <a:extLst>
              <a:ext uri="{FF2B5EF4-FFF2-40B4-BE49-F238E27FC236}">
                <a16:creationId xmlns:a16="http://schemas.microsoft.com/office/drawing/2014/main" id="{FCA44878-CACB-D4D2-329C-C362C47CBB16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142893" y="578209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69EBE0FF-2DD6-5B95-E992-D72946A1892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079392" y="6006253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2">
            <a:extLst>
              <a:ext uri="{FF2B5EF4-FFF2-40B4-BE49-F238E27FC236}">
                <a16:creationId xmlns:a16="http://schemas.microsoft.com/office/drawing/2014/main" id="{2A32867B-7EB8-304B-ABE6-F8C635B8D9A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637800" y="6006253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>
            <a:extLst>
              <a:ext uri="{FF2B5EF4-FFF2-40B4-BE49-F238E27FC236}">
                <a16:creationId xmlns:a16="http://schemas.microsoft.com/office/drawing/2014/main" id="{147A8C4D-A62D-0A7C-7C8E-6EB74E7C23E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045395" y="6006253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4">
            <a:extLst>
              <a:ext uri="{FF2B5EF4-FFF2-40B4-BE49-F238E27FC236}">
                <a16:creationId xmlns:a16="http://schemas.microsoft.com/office/drawing/2014/main" id="{25B99D6D-8EA8-D773-D0A1-D7D0C469753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603803" y="6006253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>
            <a:extLst>
              <a:ext uri="{FF2B5EF4-FFF2-40B4-BE49-F238E27FC236}">
                <a16:creationId xmlns:a16="http://schemas.microsoft.com/office/drawing/2014/main" id="{8382370F-85D4-DFBF-B1D3-E7CDF79AF94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111941" y="6006253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6">
            <a:extLst>
              <a:ext uri="{FF2B5EF4-FFF2-40B4-BE49-F238E27FC236}">
                <a16:creationId xmlns:a16="http://schemas.microsoft.com/office/drawing/2014/main" id="{CF44BF2B-71A7-C2FB-7469-1887BB7309BE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670349" y="6006253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_252e96058a3546e0b06f0e93390d2b22_Shape">
            <a:extLst>
              <a:ext uri="{FF2B5EF4-FFF2-40B4-BE49-F238E27FC236}">
                <a16:creationId xmlns:a16="http://schemas.microsoft.com/office/drawing/2014/main" id="{C0FD1A24-2B6C-F55D-0526-97908FEB203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124239" y="3865245"/>
            <a:ext cx="3924300" cy="155025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T_d041283d8f3c4122b11f3269142dbb8d_Shape">
            <a:extLst>
              <a:ext uri="{FF2B5EF4-FFF2-40B4-BE49-F238E27FC236}">
                <a16:creationId xmlns:a16="http://schemas.microsoft.com/office/drawing/2014/main" id="{7BA28CF1-8129-99AB-365B-6B20E135E45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291327" y="4113276"/>
            <a:ext cx="17653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T_966516fbb7fe42e78d38d95e46a17583_Shape">
            <a:extLst>
              <a:ext uri="{FF2B5EF4-FFF2-40B4-BE49-F238E27FC236}">
                <a16:creationId xmlns:a16="http://schemas.microsoft.com/office/drawing/2014/main" id="{5B670896-A0C2-18FD-2367-DF0392AF56C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321864" y="4347595"/>
            <a:ext cx="17272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T_a5c61adb4e234cd6a6999ae92167f5da_Shape">
            <a:extLst>
              <a:ext uri="{FF2B5EF4-FFF2-40B4-BE49-F238E27FC236}">
                <a16:creationId xmlns:a16="http://schemas.microsoft.com/office/drawing/2014/main" id="{483979F8-6296-F8AF-B92F-05507B22EF2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603804" y="4815332"/>
            <a:ext cx="146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T_9a89dfc018eb4789afe97a441c86fe54_Shape">
            <a:extLst>
              <a:ext uri="{FF2B5EF4-FFF2-40B4-BE49-F238E27FC236}">
                <a16:creationId xmlns:a16="http://schemas.microsoft.com/office/drawing/2014/main" id="{468A0778-00FD-CFD2-FB85-2DE3E66BD87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000549" y="5049350"/>
            <a:ext cx="37719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T_5cb93c42c4ca4be89de13d38ebfbf34b_Shape">
            <a:extLst>
              <a:ext uri="{FF2B5EF4-FFF2-40B4-BE49-F238E27FC236}">
                <a16:creationId xmlns:a16="http://schemas.microsoft.com/office/drawing/2014/main" id="{410BEB19-F4B4-8FCA-4201-67FFA428D11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050785" y="4581313"/>
            <a:ext cx="558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T_252e96058a3546e0b06f0e93390d2b22_Title">
            <a:extLst>
              <a:ext uri="{FF2B5EF4-FFF2-40B4-BE49-F238E27FC236}">
                <a16:creationId xmlns:a16="http://schemas.microsoft.com/office/drawing/2014/main" id="{3C8AA704-A1C1-0AE2-D81A-078977E5879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096161" y="3857498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Preprocessing</a:t>
            </a:r>
            <a:endParaRPr lang="en-GB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252e96058a3546e0b06f0e93390d2b22_JoinedDate">
            <a:extLst>
              <a:ext uri="{FF2B5EF4-FFF2-40B4-BE49-F238E27FC236}">
                <a16:creationId xmlns:a16="http://schemas.microsoft.com/office/drawing/2014/main" id="{F183BC38-5FFD-7F25-A5C0-32DD4DFC71B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688454" y="3865245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Dec 13 - Feb 28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d041283d8f3c4122b11f3269142dbb8d_Title">
            <a:extLst>
              <a:ext uri="{FF2B5EF4-FFF2-40B4-BE49-F238E27FC236}">
                <a16:creationId xmlns:a16="http://schemas.microsoft.com/office/drawing/2014/main" id="{494DEA6A-2D9E-0832-3705-4C7DEF6A277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096000" y="4091516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tate of the art writing</a:t>
            </a:r>
            <a:endParaRPr lang="en-GB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d041283d8f3c4122b11f3269142dbb8d_JoinedDate">
            <a:extLst>
              <a:ext uri="{FF2B5EF4-FFF2-40B4-BE49-F238E27FC236}">
                <a16:creationId xmlns:a16="http://schemas.microsoft.com/office/drawing/2014/main" id="{8A3EADBC-EB85-F6DC-43A6-7D74AF388D9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429209" y="409926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13 - Mar 20</a:t>
            </a:r>
          </a:p>
        </p:txBody>
      </p:sp>
      <p:sp>
        <p:nvSpPr>
          <p:cNvPr id="37" name="OTLSHAPE_T_966516fbb7fe42e78d38d95e46a17583_Title">
            <a:extLst>
              <a:ext uri="{FF2B5EF4-FFF2-40B4-BE49-F238E27FC236}">
                <a16:creationId xmlns:a16="http://schemas.microsoft.com/office/drawing/2014/main" id="{DA2A99B9-D74E-2F39-C381-D83E3FEE64D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097815" y="4325535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of the microstructure of the CB </a:t>
            </a:r>
            <a:endParaRPr lang="en-GB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966516fbb7fe42e78d38d95e46a17583_JoinedDate">
            <a:extLst>
              <a:ext uri="{FF2B5EF4-FFF2-40B4-BE49-F238E27FC236}">
                <a16:creationId xmlns:a16="http://schemas.microsoft.com/office/drawing/2014/main" id="{E0D91A44-EE8B-0F23-800D-5B25E936BE0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460314" y="4333850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13 - Mar 20</a:t>
            </a:r>
          </a:p>
        </p:txBody>
      </p:sp>
      <p:sp>
        <p:nvSpPr>
          <p:cNvPr id="39" name="OTLSHAPE_T_a5c61adb4e234cd6a6999ae92167f5da_Title">
            <a:extLst>
              <a:ext uri="{FF2B5EF4-FFF2-40B4-BE49-F238E27FC236}">
                <a16:creationId xmlns:a16="http://schemas.microsoft.com/office/drawing/2014/main" id="{0289C104-1DD2-7690-9730-748AC0A512F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114006" y="4793572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38">
                <a:solidFill>
                  <a:schemeClr val="dk1"/>
                </a:solidFill>
                <a:latin typeface="Calibri" panose="020F0502020204030204" pitchFamily="34" charset="0"/>
              </a:rPr>
              <a:t>Comparison with PET tau</a:t>
            </a:r>
          </a:p>
          <a:p>
            <a:endParaRPr lang="en-GB" sz="1100" b="1" spc="-3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a5c61adb4e234cd6a6999ae92167f5da_JoinedDate">
            <a:extLst>
              <a:ext uri="{FF2B5EF4-FFF2-40B4-BE49-F238E27FC236}">
                <a16:creationId xmlns:a16="http://schemas.microsoft.com/office/drawing/2014/main" id="{4E1D62C5-FB57-809B-DF7F-7C567B7BFC5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837189" y="4801319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 - Apr 30</a:t>
            </a:r>
          </a:p>
        </p:txBody>
      </p:sp>
      <p:sp>
        <p:nvSpPr>
          <p:cNvPr id="41" name="OTLSHAPE_T_9a89dfc018eb4789afe97a441c86fe54_Title">
            <a:extLst>
              <a:ext uri="{FF2B5EF4-FFF2-40B4-BE49-F238E27FC236}">
                <a16:creationId xmlns:a16="http://schemas.microsoft.com/office/drawing/2014/main" id="{0BB8B62F-593D-9581-3BF0-1165E30C424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821657" y="5027591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Writing of the master thesis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9a89dfc018eb4789afe97a441c86fe54_JoinedDate">
            <a:extLst>
              <a:ext uri="{FF2B5EF4-FFF2-40B4-BE49-F238E27FC236}">
                <a16:creationId xmlns:a16="http://schemas.microsoft.com/office/drawing/2014/main" id="{9D80FDD6-A79B-CBC7-582A-8ED215B7E7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215266" y="50353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Jun 2</a:t>
            </a:r>
          </a:p>
        </p:txBody>
      </p:sp>
      <p:sp>
        <p:nvSpPr>
          <p:cNvPr id="43" name="OTLSHAPE_T_5cb93c42c4ca4be89de13d38ebfbf34b_JoinedDate">
            <a:extLst>
              <a:ext uri="{FF2B5EF4-FFF2-40B4-BE49-F238E27FC236}">
                <a16:creationId xmlns:a16="http://schemas.microsoft.com/office/drawing/2014/main" id="{0174F593-501B-70FC-2B69-E808F84DADA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161362" y="4567301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Mar 31</a:t>
            </a:r>
          </a:p>
        </p:txBody>
      </p:sp>
      <p:sp>
        <p:nvSpPr>
          <p:cNvPr id="44" name="OTLSHAPE_T_5cb93c42c4ca4be89de13d38ebfbf34b_Title">
            <a:extLst>
              <a:ext uri="{FF2B5EF4-FFF2-40B4-BE49-F238E27FC236}">
                <a16:creationId xmlns:a16="http://schemas.microsoft.com/office/drawing/2014/main" id="{8E64F369-94F7-972F-544D-DFD2321B526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654569" y="4559554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mparison with the literature</a:t>
            </a:r>
          </a:p>
        </p:txBody>
      </p:sp>
      <p:sp>
        <p:nvSpPr>
          <p:cNvPr id="45" name="OTLSHAPE_M_a82f9c56057443529454d2870620da54_Shape">
            <a:extLst>
              <a:ext uri="{FF2B5EF4-FFF2-40B4-BE49-F238E27FC236}">
                <a16:creationId xmlns:a16="http://schemas.microsoft.com/office/drawing/2014/main" id="{5DBFF95A-E284-52DE-7E22-C1C11382582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 rot="16200000">
            <a:off x="6082535" y="5519631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M_9394c5d34ae24214b2eb6516f65d8a0e_Shape">
            <a:extLst>
              <a:ext uri="{FF2B5EF4-FFF2-40B4-BE49-F238E27FC236}">
                <a16:creationId xmlns:a16="http://schemas.microsoft.com/office/drawing/2014/main" id="{8BF759D7-0158-7316-315A-ABB86F04D3C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 rot="16200000">
            <a:off x="8143656" y="5519631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M_8cc871afcdec4d4584542d71f74288dc_Shape">
            <a:extLst>
              <a:ext uri="{FF2B5EF4-FFF2-40B4-BE49-F238E27FC236}">
                <a16:creationId xmlns:a16="http://schemas.microsoft.com/office/drawing/2014/main" id="{43EE6D99-93B4-5E92-DFC5-715158611B9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9802607" y="5519631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a82f9c56057443529454d2870620da54_Title">
            <a:extLst>
              <a:ext uri="{FF2B5EF4-FFF2-40B4-BE49-F238E27FC236}">
                <a16:creationId xmlns:a16="http://schemas.microsoft.com/office/drawing/2014/main" id="{27D9B859-FDBA-BB18-9B3C-B3F10ACE773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279385" y="5401310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tate of the art </a:t>
            </a:r>
          </a:p>
        </p:txBody>
      </p:sp>
      <p:sp>
        <p:nvSpPr>
          <p:cNvPr id="49" name="OTLSHAPE_M_a82f9c56057443529454d2870620da54_Date">
            <a:extLst>
              <a:ext uri="{FF2B5EF4-FFF2-40B4-BE49-F238E27FC236}">
                <a16:creationId xmlns:a16="http://schemas.microsoft.com/office/drawing/2014/main" id="{2CCF2A44-8EEA-C313-EDAF-B2EB896BAA4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279385" y="559722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20</a:t>
            </a:r>
          </a:p>
        </p:txBody>
      </p:sp>
      <p:sp>
        <p:nvSpPr>
          <p:cNvPr id="50" name="OTLSHAPE_M_9394c5d34ae24214b2eb6516f65d8a0e_Title">
            <a:extLst>
              <a:ext uri="{FF2B5EF4-FFF2-40B4-BE49-F238E27FC236}">
                <a16:creationId xmlns:a16="http://schemas.microsoft.com/office/drawing/2014/main" id="{C97FB26A-61EB-EB2E-1BD0-C929864BC12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340506" y="5401310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nalysis</a:t>
            </a:r>
          </a:p>
        </p:txBody>
      </p:sp>
      <p:sp>
        <p:nvSpPr>
          <p:cNvPr id="51" name="OTLSHAPE_M_9394c5d34ae24214b2eb6516f65d8a0e_Date">
            <a:extLst>
              <a:ext uri="{FF2B5EF4-FFF2-40B4-BE49-F238E27FC236}">
                <a16:creationId xmlns:a16="http://schemas.microsoft.com/office/drawing/2014/main" id="{3F766F53-BD3B-40C0-6327-434510BED5A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340506" y="559722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52" name="OTLSHAPE_M_8cc871afcdec4d4584542d71f74288dc_Title">
            <a:extLst>
              <a:ext uri="{FF2B5EF4-FFF2-40B4-BE49-F238E27FC236}">
                <a16:creationId xmlns:a16="http://schemas.microsoft.com/office/drawing/2014/main" id="{3778D139-9BC2-328D-474F-B4A91A6C884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999457" y="5401310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aster thesis complete</a:t>
            </a:r>
          </a:p>
        </p:txBody>
      </p:sp>
      <p:sp>
        <p:nvSpPr>
          <p:cNvPr id="53" name="OTLSHAPE_M_8cc871afcdec4d4584542d71f74288dc_Date">
            <a:extLst>
              <a:ext uri="{FF2B5EF4-FFF2-40B4-BE49-F238E27FC236}">
                <a16:creationId xmlns:a16="http://schemas.microsoft.com/office/drawing/2014/main" id="{EA2DB8E4-5292-0ABC-FEA5-3FF96F67818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9999457" y="559722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2</a:t>
            </a:r>
          </a:p>
        </p:txBody>
      </p:sp>
      <p:sp>
        <p:nvSpPr>
          <p:cNvPr id="54" name="Espace réservé du numéro de diapositive 3">
            <a:extLst>
              <a:ext uri="{FF2B5EF4-FFF2-40B4-BE49-F238E27FC236}">
                <a16:creationId xmlns:a16="http://schemas.microsoft.com/office/drawing/2014/main" id="{5D1EA159-1FA2-016B-81A0-78B1E4DCBD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8</a:t>
            </a:fld>
            <a:endParaRPr lang="fr-FR" sz="2000" dirty="0"/>
          </a:p>
        </p:txBody>
      </p:sp>
      <p:sp>
        <p:nvSpPr>
          <p:cNvPr id="55" name="ZoneTexte 54">
            <a:extLst>
              <a:ext uri="{FF2B5EF4-FFF2-40B4-BE49-F238E27FC236}">
                <a16:creationId xmlns:a16="http://schemas.microsoft.com/office/drawing/2014/main" id="{371FB643-DDB6-9131-0FD0-58ED15312AA7}"/>
              </a:ext>
            </a:extLst>
          </p:cNvPr>
          <p:cNvSpPr txBox="1"/>
          <p:nvPr/>
        </p:nvSpPr>
        <p:spPr>
          <a:xfrm>
            <a:off x="816342" y="1983308"/>
            <a:ext cx="745323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400" dirty="0"/>
              <a:t>Progress made on the state of the art -&gt; To continue </a:t>
            </a:r>
          </a:p>
          <a:p>
            <a:r>
              <a:rPr lang="en-GB" sz="2400" dirty="0"/>
              <a:t>Start the statistical analysis of microstructure </a:t>
            </a:r>
          </a:p>
        </p:txBody>
      </p:sp>
    </p:spTree>
    <p:extLst>
      <p:ext uri="{BB962C8B-B14F-4D97-AF65-F5344CB8AC3E}">
        <p14:creationId xmlns:p14="http://schemas.microsoft.com/office/powerpoint/2010/main" val="14645148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WEEKNUMBERINGFORMAT" val="WNFormat1"/>
  <p:tag name="OTLWEEKNUMBERINGISVISIBLE" val="False"/>
  <p:tag name="OTLSHAPETHICKNESSTYPE" val="Thin"/>
  <p:tag name="OTLSTARTDATE" val="2022-12-13T00:00:00.0000000Z"/>
  <p:tag name="OTLENDDATE" val="2023-02-28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WEEKNUMBERINGFORMAT" val="WNFormat1"/>
  <p:tag name="OTLWEEKNUMBERINGISVISIBLE" val="False"/>
  <p:tag name="OTLSHAPETHICKNESSTYPE" val="Thin"/>
  <p:tag name="OTLSTARTDATE" val="2023-02-14T00:00:00.0000000Z"/>
  <p:tag name="OTLENDDATE" val="2023-03-20T21:1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WEEKNUMBERINGFORMAT" val="WNFormat1"/>
  <p:tag name="OTLWEEKNUMBERINGISVISIBLE" val="False"/>
  <p:tag name="OTLSHAPETHICKNESSTYPE" val="Thin"/>
  <p:tag name="OTLSTARTDATE" val="2023-02-14T14:51:00.0000000Z"/>
  <p:tag name="OTLENDDATE" val="2023-03-20T22:11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4-01T00:00:00.0000000Z"/>
  <p:tag name="OTLENDDATE" val="2023-04-30T00:44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20T00:00:00.0000000Z"/>
  <p:tag name="OTLENDDATE" val="2023-06-02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0T23:59:00.0000000Z"/>
  <p:tag name="OTLENDDATE" val="2023-03-31T23:59:00.0000000Z"/>
  <p:tag name="OTLDURATIONFORMAT" val="day"/>
  <p:tag name="OTLSPACING" val="5"/>
  <p:tag name="OTLSHAPETHICKNESSTYP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te of the art "/>
  <p:tag name="OTLDATE" val="2023-03-20T23:59:00.0000000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alysis"/>
  <p:tag name="OTLDATE" val="2023-04-30T23:59:00.0000000"/>
  <p:tag name="OTLPOSITIONONTASK" val="None"/>
  <p:tag name="OTLRELATEDTASKID" val="00000000-0000-0000-0000-00000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ster thesis complete"/>
  <p:tag name="OTLDATE" val="2023-06-02T23:59:00.0000000"/>
  <p:tag name="OTLPOSITIONONTASK" val="None"/>
  <p:tag name="OTLRELATEDTASKID" val="00000000-0000-0000-0000-00000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HAPETYPE" val="RoundedCornerRectangleTimeband"/>
  <p:tag name="OTLTIMEBANDSHAPEHEIGHT" val="20"/>
  <p:tag name="OTLTIMEBANDSHAPEPADDINGLEFT" val="0"/>
  <p:tag name="OTLTIMEBANDDEPENABLED" val="False"/>
  <p:tag name="OTLTIMEBANDENDDATE" val="2023-06-02T23:59:00.0000000"/>
  <p:tag name="OTLTIMEBANDSCALETYPE" val="Months"/>
  <p:tag name="OTLTIMEBANDSCALEFORMAT" val="MMM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32</TotalTime>
  <Words>341</Words>
  <Application>Microsoft Office PowerPoint</Application>
  <PresentationFormat>Grand écran</PresentationFormat>
  <Paragraphs>80</Paragraphs>
  <Slides>8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5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8</vt:i4>
      </vt:variant>
    </vt:vector>
  </HeadingPairs>
  <TitlesOfParts>
    <vt:vector size="14" baseType="lpstr">
      <vt:lpstr>Arial</vt:lpstr>
      <vt:lpstr>Calibri</vt:lpstr>
      <vt:lpstr>Calibri Light</vt:lpstr>
      <vt:lpstr>Cambria Math</vt:lpstr>
      <vt:lpstr>Roboto</vt:lpstr>
      <vt:lpstr>Thème Office</vt:lpstr>
      <vt:lpstr>Quantifying anomalies in patients with neuropathologies via diffusion Magnetic Resonance Imaging. (Application to Alzheimer diagnosis)</vt:lpstr>
      <vt:lpstr>Preprocessing and model update</vt:lpstr>
      <vt:lpstr>Atlas mapping</vt:lpstr>
      <vt:lpstr>Atlas mapping</vt:lpstr>
      <vt:lpstr>Atlas mapping</vt:lpstr>
      <vt:lpstr>Study</vt:lpstr>
      <vt:lpstr>Study</vt:lpstr>
      <vt:lpstr>Timel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Quantifying anomalies in patients with neuropathologies via diffusion Magnetic Resonance Imaging. (Application to Alzheimer diagnosis)</dc:title>
  <dc:creator>Nicolas Indriets</dc:creator>
  <cp:lastModifiedBy>Nicolas Indriets</cp:lastModifiedBy>
  <cp:revision>1</cp:revision>
  <dcterms:created xsi:type="dcterms:W3CDTF">2023-03-05T11:40:26Z</dcterms:created>
  <dcterms:modified xsi:type="dcterms:W3CDTF">2023-03-06T11:32:35Z</dcterms:modified>
</cp:coreProperties>
</file>